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06教育保育本庁\■庶務\元保育政策課\03保育所等公募関係\R7\01_令和9年度開園分_稲野駅周辺\02募集案\HP\"/>
    </mc:Choice>
  </mc:AlternateContent>
  <bookViews>
    <workbookView xWindow="600" yWindow="105" windowWidth="19395" windowHeight="7845"/>
  </bookViews>
  <sheets>
    <sheet name="様式14辞退届" sheetId="17" r:id="rId1"/>
  </sheets>
  <externalReferences>
    <externalReference r:id="rId2"/>
  </externalReferences>
  <definedNames>
    <definedName name="b">[1]入力シート!$N$277:$P$356</definedName>
    <definedName name="_xlnm.Print_Area" localSheetId="0">様式14辞退届!$A$1:$I$42</definedName>
  </definedNames>
  <calcPr calcId="162913"/>
</workbook>
</file>

<file path=xl/sharedStrings.xml><?xml version="1.0" encoding="utf-8"?>
<sst xmlns="http://schemas.openxmlformats.org/spreadsheetml/2006/main" count="12" uniqueCount="12">
  <si>
    <t>所 在 地</t>
    <rPh sb="0" eb="1">
      <t>ショ</t>
    </rPh>
    <rPh sb="2" eb="3">
      <t>ザイ</t>
    </rPh>
    <rPh sb="4" eb="5">
      <t>チ</t>
    </rPh>
    <phoneticPr fontId="4"/>
  </si>
  <si>
    <t>事業者名</t>
    <rPh sb="0" eb="3">
      <t>ジギョウシャ</t>
    </rPh>
    <rPh sb="3" eb="4">
      <t>メイ</t>
    </rPh>
    <phoneticPr fontId="4"/>
  </si>
  <si>
    <t>代表者名</t>
    <rPh sb="0" eb="3">
      <t>ダイヒョウシャ</t>
    </rPh>
    <rPh sb="3" eb="4">
      <t>メイ</t>
    </rPh>
    <phoneticPr fontId="4"/>
  </si>
  <si>
    <t>伊丹市長　宛</t>
    <rPh sb="0" eb="2">
      <t>イタミ</t>
    </rPh>
    <rPh sb="2" eb="4">
      <t>シチョウ</t>
    </rPh>
    <rPh sb="5" eb="6">
      <t>アテ</t>
    </rPh>
    <phoneticPr fontId="4"/>
  </si>
  <si>
    <t>電話番号</t>
    <rPh sb="0" eb="2">
      <t>デンワ</t>
    </rPh>
    <rPh sb="2" eb="3">
      <t>バン</t>
    </rPh>
    <rPh sb="3" eb="4">
      <t>ゴウ</t>
    </rPh>
    <phoneticPr fontId="4"/>
  </si>
  <si>
    <t>様式１４</t>
    <rPh sb="0" eb="2">
      <t>ヨウシキ</t>
    </rPh>
    <phoneticPr fontId="4"/>
  </si>
  <si>
    <t>辞　退　届</t>
    <rPh sb="0" eb="1">
      <t>ジ</t>
    </rPh>
    <rPh sb="2" eb="3">
      <t>タイ</t>
    </rPh>
    <rPh sb="4" eb="5">
      <t>トドケ</t>
    </rPh>
    <phoneticPr fontId="4"/>
  </si>
  <si>
    <t>案件名：伊丹市認可保育所設置・運営事業者募集</t>
    <rPh sb="0" eb="2">
      <t>アンケン</t>
    </rPh>
    <rPh sb="2" eb="3">
      <t>メイ</t>
    </rPh>
    <rPh sb="4" eb="7">
      <t>イタミシ</t>
    </rPh>
    <rPh sb="7" eb="9">
      <t>ニンカ</t>
    </rPh>
    <rPh sb="9" eb="11">
      <t>ホイク</t>
    </rPh>
    <rPh sb="11" eb="12">
      <t>ショ</t>
    </rPh>
    <rPh sb="12" eb="14">
      <t>セッチ</t>
    </rPh>
    <rPh sb="15" eb="17">
      <t>ウンエイ</t>
    </rPh>
    <rPh sb="17" eb="20">
      <t>ジギョウシャ</t>
    </rPh>
    <phoneticPr fontId="4"/>
  </si>
  <si>
    <t>　伊丹市認可保育所設置・運営事業者募集について、参加申し込みをしましたが、辞退したいので届け出ます。</t>
    <rPh sb="1" eb="4">
      <t>イタミシ</t>
    </rPh>
    <rPh sb="4" eb="6">
      <t>ニンカ</t>
    </rPh>
    <rPh sb="6" eb="8">
      <t>ホイク</t>
    </rPh>
    <rPh sb="8" eb="9">
      <t>ショ</t>
    </rPh>
    <rPh sb="9" eb="11">
      <t>セッチ</t>
    </rPh>
    <rPh sb="12" eb="14">
      <t>ウンエイ</t>
    </rPh>
    <rPh sb="14" eb="16">
      <t>ジギョウ</t>
    </rPh>
    <rPh sb="16" eb="17">
      <t>シャ</t>
    </rPh>
    <rPh sb="24" eb="26">
      <t>サンカ</t>
    </rPh>
    <rPh sb="26" eb="27">
      <t>モウ</t>
    </rPh>
    <rPh sb="28" eb="29">
      <t>コミ</t>
    </rPh>
    <rPh sb="37" eb="39">
      <t>ジタイ</t>
    </rPh>
    <rPh sb="44" eb="45">
      <t>トド</t>
    </rPh>
    <rPh sb="46" eb="47">
      <t>デ</t>
    </rPh>
    <phoneticPr fontId="4"/>
  </si>
  <si>
    <t>（理由）</t>
    <rPh sb="1" eb="2">
      <t>リ</t>
    </rPh>
    <rPh sb="2" eb="3">
      <t>ヨシ</t>
    </rPh>
    <phoneticPr fontId="4"/>
  </si>
  <si>
    <t>（提出者）</t>
    <rPh sb="1" eb="3">
      <t>テイシュツ</t>
    </rPh>
    <rPh sb="3" eb="4">
      <t>モノ</t>
    </rPh>
    <phoneticPr fontId="4"/>
  </si>
  <si>
    <t>　　　　年　　月　　日</t>
    <rPh sb="4" eb="5">
      <t>ネン</t>
    </rPh>
    <rPh sb="7" eb="8">
      <t>ガツ</t>
    </rPh>
    <rPh sb="10" eb="11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6"/>
      <color theme="1"/>
      <name val="HGSｺﾞｼｯｸM"/>
      <family val="3"/>
      <charset val="128"/>
    </font>
    <font>
      <u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7">
    <xf numFmtId="0" fontId="0" fillId="0" borderId="0"/>
    <xf numFmtId="38" fontId="7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7" fillId="0" borderId="0">
      <alignment vertical="center"/>
    </xf>
    <xf numFmtId="0" fontId="7" fillId="0" borderId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6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 indent="1"/>
    </xf>
  </cellXfs>
  <cellStyles count="7">
    <cellStyle name="桁区切り 2" xfId="1"/>
    <cellStyle name="桁区切り 3" xfId="6"/>
    <cellStyle name="標準" xfId="0" builtinId="0"/>
    <cellStyle name="標準 2" xfId="2"/>
    <cellStyle name="標準 2 2" xfId="3"/>
    <cellStyle name="標準 3" xfId="4"/>
    <cellStyle name="標準 4" xfId="5"/>
  </cellStyles>
  <dxfs count="0"/>
  <tableStyles count="0" defaultTableStyle="TableStyleMedium2" defaultPivotStyle="PivotStyleLight16"/>
  <colors>
    <mruColors>
      <color rgb="FFCCFFCC"/>
      <color rgb="FFCCFFFF"/>
      <color rgb="FF66FF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742\AppData\Local\Temp\notesD30550\&#20837;&#26413;&#30003;&#35531;&#32013;&#31246;&#35388;&#26126;&#65288;&#26032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"/>
      <sheetName val="入力シート"/>
      <sheetName val="A1"/>
      <sheetName val="A2"/>
      <sheetName val="A3"/>
      <sheetName val="B"/>
      <sheetName val="H"/>
      <sheetName val="Ａ'使用印鑑届"/>
      <sheetName val="M 誓約書"/>
      <sheetName val="経審"/>
    </sheetNames>
    <sheetDataSet>
      <sheetData sheetId="0" refreshError="1"/>
      <sheetData sheetId="1">
        <row r="277">
          <cell r="N277">
            <v>1</v>
          </cell>
          <cell r="O277" t="str">
            <v>,</v>
          </cell>
          <cell r="P277" t="str">
            <v xml:space="preserve"> 1 総合商品</v>
          </cell>
        </row>
        <row r="278">
          <cell r="N278">
            <v>2</v>
          </cell>
          <cell r="O278" t="str">
            <v>,</v>
          </cell>
          <cell r="P278" t="str">
            <v xml:space="preserve"> 2 飲食料品</v>
          </cell>
        </row>
        <row r="279">
          <cell r="N279">
            <v>3</v>
          </cell>
          <cell r="O279" t="str">
            <v>,</v>
          </cell>
          <cell r="P279" t="str">
            <v xml:space="preserve"> 3 織物・衣料品</v>
          </cell>
        </row>
        <row r="280">
          <cell r="N280">
            <v>4</v>
          </cell>
          <cell r="O280" t="str">
            <v>,</v>
          </cell>
          <cell r="P280" t="str">
            <v xml:space="preserve"> 4 衣料雑貨・ｱｸｾｻﾘｰ</v>
          </cell>
        </row>
        <row r="281">
          <cell r="N281">
            <v>5</v>
          </cell>
          <cell r="O281" t="str">
            <v>,</v>
          </cell>
          <cell r="P281" t="str">
            <v xml:space="preserve"> 5 日用品雑貨</v>
          </cell>
        </row>
        <row r="282">
          <cell r="N282">
            <v>6</v>
          </cell>
          <cell r="O282" t="str">
            <v>,</v>
          </cell>
          <cell r="P282" t="str">
            <v xml:space="preserve"> 6 寝具</v>
          </cell>
        </row>
        <row r="283">
          <cell r="N283">
            <v>7</v>
          </cell>
          <cell r="O283" t="str">
            <v>,</v>
          </cell>
          <cell r="P283" t="str">
            <v xml:space="preserve"> 7 旗・幕</v>
          </cell>
        </row>
        <row r="284">
          <cell r="N284">
            <v>8</v>
          </cell>
          <cell r="O284" t="str">
            <v>,</v>
          </cell>
          <cell r="P284" t="str">
            <v xml:space="preserve"> 8 記念品</v>
          </cell>
        </row>
        <row r="285">
          <cell r="N285">
            <v>9</v>
          </cell>
          <cell r="O285" t="str">
            <v>,</v>
          </cell>
          <cell r="P285" t="str">
            <v xml:space="preserve"> 9 医薬品</v>
          </cell>
        </row>
        <row r="286">
          <cell r="N286">
            <v>10</v>
          </cell>
          <cell r="O286" t="str">
            <v>,</v>
          </cell>
          <cell r="P286" t="str">
            <v>10 化学工業薬品</v>
          </cell>
        </row>
        <row r="287">
          <cell r="N287">
            <v>11</v>
          </cell>
          <cell r="O287" t="str">
            <v>,</v>
          </cell>
          <cell r="P287" t="str">
            <v>11 燃料</v>
          </cell>
        </row>
        <row r="288">
          <cell r="N288">
            <v>12</v>
          </cell>
          <cell r="O288" t="str">
            <v>,</v>
          </cell>
          <cell r="P288" t="str">
            <v>12 教育材料</v>
          </cell>
        </row>
        <row r="289">
          <cell r="N289">
            <v>13</v>
          </cell>
          <cell r="O289" t="str">
            <v>,</v>
          </cell>
          <cell r="P289" t="str">
            <v>13 書籍</v>
          </cell>
        </row>
        <row r="290">
          <cell r="N290">
            <v>14</v>
          </cell>
          <cell r="O290" t="str">
            <v>,</v>
          </cell>
          <cell r="P290" t="str">
            <v>14 事務用品・事務機器</v>
          </cell>
        </row>
        <row r="291">
          <cell r="N291">
            <v>15</v>
          </cell>
          <cell r="O291" t="str">
            <v>,</v>
          </cell>
          <cell r="P291" t="str">
            <v>15 用紙類</v>
          </cell>
        </row>
        <row r="292">
          <cell r="N292">
            <v>16</v>
          </cell>
          <cell r="O292" t="str">
            <v>,</v>
          </cell>
          <cell r="P292" t="str">
            <v>16 選挙関係用品</v>
          </cell>
        </row>
        <row r="293">
          <cell r="N293">
            <v>17</v>
          </cell>
          <cell r="O293" t="str">
            <v>,</v>
          </cell>
          <cell r="P293" t="str">
            <v>17 娯楽用品</v>
          </cell>
        </row>
        <row r="294">
          <cell r="N294">
            <v>18</v>
          </cell>
          <cell r="O294" t="str">
            <v>,</v>
          </cell>
          <cell r="P294" t="str">
            <v>18 楽器</v>
          </cell>
        </row>
        <row r="295">
          <cell r="N295">
            <v>19</v>
          </cell>
          <cell r="O295" t="str">
            <v>,</v>
          </cell>
          <cell r="P295" t="str">
            <v>19 動物・飼料</v>
          </cell>
        </row>
        <row r="296">
          <cell r="N296">
            <v>20</v>
          </cell>
          <cell r="O296" t="str">
            <v>,</v>
          </cell>
          <cell r="P296" t="str">
            <v>20 スポーツ用品</v>
          </cell>
        </row>
        <row r="297">
          <cell r="N297">
            <v>21</v>
          </cell>
          <cell r="O297" t="str">
            <v>,</v>
          </cell>
          <cell r="P297" t="str">
            <v>21 文化品</v>
          </cell>
        </row>
        <row r="298">
          <cell r="N298">
            <v>22</v>
          </cell>
          <cell r="O298" t="str">
            <v>,</v>
          </cell>
          <cell r="P298" t="str">
            <v>22 園芸・農耕用品</v>
          </cell>
        </row>
        <row r="299">
          <cell r="N299">
            <v>23</v>
          </cell>
          <cell r="O299" t="str">
            <v>,</v>
          </cell>
          <cell r="P299" t="str">
            <v>23 自動車</v>
          </cell>
        </row>
        <row r="300">
          <cell r="N300">
            <v>24</v>
          </cell>
          <cell r="O300" t="str">
            <v>,</v>
          </cell>
          <cell r="P300" t="str">
            <v>24 特殊自動車</v>
          </cell>
        </row>
        <row r="301">
          <cell r="N301">
            <v>25</v>
          </cell>
          <cell r="O301" t="str">
            <v>,</v>
          </cell>
          <cell r="P301" t="str">
            <v>25 二輪車</v>
          </cell>
        </row>
        <row r="302">
          <cell r="N302">
            <v>26</v>
          </cell>
          <cell r="O302" t="str">
            <v>,</v>
          </cell>
          <cell r="P302" t="str">
            <v>26 車両用品・修理</v>
          </cell>
        </row>
        <row r="303">
          <cell r="N303">
            <v>27</v>
          </cell>
          <cell r="O303" t="str">
            <v>,</v>
          </cell>
          <cell r="P303" t="str">
            <v>27 家具</v>
          </cell>
        </row>
        <row r="304">
          <cell r="N304">
            <v>28</v>
          </cell>
          <cell r="O304" t="str">
            <v>,</v>
          </cell>
          <cell r="P304" t="str">
            <v>28 インテリア用品</v>
          </cell>
        </row>
        <row r="305">
          <cell r="N305">
            <v>29</v>
          </cell>
          <cell r="O305" t="str">
            <v>,</v>
          </cell>
          <cell r="P305" t="str">
            <v>29 風呂</v>
          </cell>
        </row>
        <row r="306">
          <cell r="N306">
            <v>30</v>
          </cell>
          <cell r="O306" t="str">
            <v>,</v>
          </cell>
          <cell r="P306" t="str">
            <v>30 建材(鉄鋼材)</v>
          </cell>
        </row>
        <row r="307">
          <cell r="N307">
            <v>31</v>
          </cell>
          <cell r="O307" t="str">
            <v>,</v>
          </cell>
          <cell r="P307" t="str">
            <v>31 建材(セメント等)</v>
          </cell>
        </row>
        <row r="308">
          <cell r="N308">
            <v>32</v>
          </cell>
          <cell r="O308" t="str">
            <v>,</v>
          </cell>
          <cell r="P308" t="str">
            <v>32 建材(木材)</v>
          </cell>
        </row>
        <row r="309">
          <cell r="N309">
            <v>33</v>
          </cell>
          <cell r="O309" t="str">
            <v>,</v>
          </cell>
          <cell r="P309" t="str">
            <v>33 建材(道路等)</v>
          </cell>
        </row>
        <row r="310">
          <cell r="N310">
            <v>34</v>
          </cell>
          <cell r="O310" t="str">
            <v>,</v>
          </cell>
          <cell r="P310" t="str">
            <v>34 建材(建具)</v>
          </cell>
        </row>
        <row r="311">
          <cell r="N311">
            <v>35</v>
          </cell>
          <cell r="O311" t="str">
            <v>,</v>
          </cell>
          <cell r="P311" t="str">
            <v>35 家電製品</v>
          </cell>
        </row>
        <row r="312">
          <cell r="N312">
            <v>36</v>
          </cell>
          <cell r="O312" t="str">
            <v>,</v>
          </cell>
          <cell r="P312" t="str">
            <v>36 情報通信機器</v>
          </cell>
        </row>
        <row r="313">
          <cell r="N313">
            <v>37</v>
          </cell>
          <cell r="O313" t="str">
            <v>,</v>
          </cell>
          <cell r="P313" t="str">
            <v>37 厨房用機器</v>
          </cell>
        </row>
        <row r="314">
          <cell r="N314">
            <v>38</v>
          </cell>
          <cell r="O314" t="str">
            <v>,</v>
          </cell>
          <cell r="P314" t="str">
            <v>38 消防用機器</v>
          </cell>
        </row>
        <row r="315">
          <cell r="N315">
            <v>39</v>
          </cell>
          <cell r="O315" t="str">
            <v>,</v>
          </cell>
          <cell r="P315" t="str">
            <v>39 医療用機器</v>
          </cell>
        </row>
        <row r="316">
          <cell r="N316">
            <v>40</v>
          </cell>
          <cell r="O316" t="str">
            <v>,</v>
          </cell>
          <cell r="P316" t="str">
            <v>40 建設関連機器</v>
          </cell>
        </row>
        <row r="317">
          <cell r="N317">
            <v>41</v>
          </cell>
          <cell r="O317" t="str">
            <v>,</v>
          </cell>
          <cell r="P317" t="str">
            <v>41 理化学機器</v>
          </cell>
        </row>
        <row r="318">
          <cell r="N318">
            <v>42</v>
          </cell>
          <cell r="O318" t="str">
            <v>,</v>
          </cell>
          <cell r="P318" t="str">
            <v>42 精密・計測機器</v>
          </cell>
        </row>
        <row r="319">
          <cell r="N319">
            <v>43</v>
          </cell>
          <cell r="O319" t="str">
            <v>,</v>
          </cell>
          <cell r="P319" t="str">
            <v>43 電気・ガス等</v>
          </cell>
        </row>
        <row r="320">
          <cell r="N320">
            <v>44</v>
          </cell>
          <cell r="O320" t="str">
            <v>,</v>
          </cell>
          <cell r="P320" t="str">
            <v>44 リース・レンタル</v>
          </cell>
        </row>
        <row r="321">
          <cell r="N321">
            <v>45</v>
          </cell>
          <cell r="O321" t="str">
            <v>,</v>
          </cell>
          <cell r="P321" t="str">
            <v>45 警備業務</v>
          </cell>
        </row>
        <row r="322">
          <cell r="N322">
            <v>46</v>
          </cell>
          <cell r="O322" t="str">
            <v>,</v>
          </cell>
          <cell r="P322" t="str">
            <v>46 建物保守管理</v>
          </cell>
        </row>
        <row r="323">
          <cell r="N323">
            <v>47</v>
          </cell>
          <cell r="O323" t="str">
            <v>,</v>
          </cell>
          <cell r="P323" t="str">
            <v>47 電気設備保守</v>
          </cell>
        </row>
        <row r="324">
          <cell r="N324">
            <v>48</v>
          </cell>
          <cell r="O324" t="str">
            <v>,</v>
          </cell>
          <cell r="P324" t="str">
            <v>48 機械設備保守</v>
          </cell>
        </row>
        <row r="325">
          <cell r="N325">
            <v>49</v>
          </cell>
          <cell r="O325" t="str">
            <v>,</v>
          </cell>
          <cell r="P325" t="str">
            <v>49 消防設備保守</v>
          </cell>
        </row>
        <row r="326">
          <cell r="N326">
            <v>50</v>
          </cell>
          <cell r="O326" t="str">
            <v>,</v>
          </cell>
          <cell r="P326" t="str">
            <v>50 通信設備保守</v>
          </cell>
        </row>
        <row r="327">
          <cell r="N327">
            <v>51</v>
          </cell>
          <cell r="O327" t="str">
            <v>,</v>
          </cell>
          <cell r="P327" t="str">
            <v>51 浄化槽保守</v>
          </cell>
        </row>
        <row r="328">
          <cell r="N328">
            <v>52</v>
          </cell>
          <cell r="O328" t="str">
            <v>,</v>
          </cell>
          <cell r="P328" t="str">
            <v>52 害虫駆除</v>
          </cell>
        </row>
        <row r="329">
          <cell r="N329">
            <v>53</v>
          </cell>
          <cell r="O329" t="str">
            <v>,</v>
          </cell>
          <cell r="P329" t="str">
            <v>53 公園緑地等管理</v>
          </cell>
        </row>
        <row r="330">
          <cell r="N330">
            <v>54</v>
          </cell>
          <cell r="O330" t="str">
            <v>,</v>
          </cell>
          <cell r="P330" t="str">
            <v>54 建物清掃</v>
          </cell>
        </row>
        <row r="331">
          <cell r="N331">
            <v>55</v>
          </cell>
          <cell r="O331" t="str">
            <v>,</v>
          </cell>
          <cell r="P331" t="str">
            <v>55 道路・公園清掃</v>
          </cell>
        </row>
        <row r="332">
          <cell r="N332">
            <v>56</v>
          </cell>
          <cell r="O332" t="str">
            <v>,</v>
          </cell>
          <cell r="P332" t="str">
            <v>56 人材派遣</v>
          </cell>
        </row>
        <row r="333">
          <cell r="N333">
            <v>57</v>
          </cell>
          <cell r="O333" t="str">
            <v>,</v>
          </cell>
          <cell r="P333" t="str">
            <v>57 情報処理業務</v>
          </cell>
        </row>
        <row r="334">
          <cell r="N334">
            <v>58</v>
          </cell>
          <cell r="O334" t="str">
            <v>,</v>
          </cell>
          <cell r="P334" t="str">
            <v>58 システム開発業務</v>
          </cell>
        </row>
        <row r="335">
          <cell r="N335">
            <v>59</v>
          </cell>
          <cell r="O335" t="str">
            <v>,</v>
          </cell>
          <cell r="P335" t="str">
            <v>59 ｵﾌｨｽｻﾎﾟｰﾄ業務</v>
          </cell>
        </row>
        <row r="336">
          <cell r="N336">
            <v>60</v>
          </cell>
          <cell r="O336" t="str">
            <v>,</v>
          </cell>
          <cell r="P336" t="str">
            <v>60 医療・福祉業務</v>
          </cell>
        </row>
        <row r="337">
          <cell r="N337">
            <v>61</v>
          </cell>
          <cell r="O337" t="str">
            <v>,</v>
          </cell>
          <cell r="P337" t="str">
            <v>61 水道関連業務</v>
          </cell>
        </row>
        <row r="338">
          <cell r="N338">
            <v>62</v>
          </cell>
          <cell r="O338" t="str">
            <v>,</v>
          </cell>
          <cell r="P338" t="str">
            <v>62 クリーニング</v>
          </cell>
        </row>
        <row r="339">
          <cell r="N339">
            <v>63</v>
          </cell>
          <cell r="O339" t="str">
            <v>,</v>
          </cell>
          <cell r="P339" t="str">
            <v>63 イベント企画運営</v>
          </cell>
        </row>
        <row r="340">
          <cell r="N340">
            <v>64</v>
          </cell>
          <cell r="O340" t="str">
            <v>,</v>
          </cell>
          <cell r="P340" t="str">
            <v>64 映画・ビデオ制作</v>
          </cell>
        </row>
        <row r="341">
          <cell r="N341">
            <v>65</v>
          </cell>
          <cell r="O341" t="str">
            <v>,</v>
          </cell>
          <cell r="P341" t="str">
            <v>65 広告企画制作</v>
          </cell>
        </row>
        <row r="342">
          <cell r="N342">
            <v>66</v>
          </cell>
          <cell r="O342" t="str">
            <v>,</v>
          </cell>
          <cell r="P342" t="str">
            <v>66 看板・標識製作</v>
          </cell>
        </row>
        <row r="343">
          <cell r="N343">
            <v>67</v>
          </cell>
          <cell r="O343" t="str">
            <v>,</v>
          </cell>
          <cell r="P343" t="str">
            <v>67 運送･輸送･運行管理</v>
          </cell>
        </row>
        <row r="344">
          <cell r="N344">
            <v>68</v>
          </cell>
          <cell r="O344" t="str">
            <v>,</v>
          </cell>
          <cell r="P344" t="str">
            <v>68 廃棄物処理</v>
          </cell>
        </row>
        <row r="345">
          <cell r="N345">
            <v>69</v>
          </cell>
          <cell r="O345" t="str">
            <v>,</v>
          </cell>
          <cell r="P345" t="str">
            <v>69 古物・廃品回収</v>
          </cell>
        </row>
        <row r="346">
          <cell r="N346">
            <v>70</v>
          </cell>
          <cell r="O346" t="str">
            <v>,</v>
          </cell>
          <cell r="P346" t="str">
            <v>70 写真</v>
          </cell>
        </row>
        <row r="347">
          <cell r="N347">
            <v>71</v>
          </cell>
          <cell r="O347" t="str">
            <v>,</v>
          </cell>
          <cell r="P347" t="str">
            <v>71 マイクロ写真</v>
          </cell>
        </row>
        <row r="348">
          <cell r="N348">
            <v>72</v>
          </cell>
          <cell r="O348" t="str">
            <v>,</v>
          </cell>
          <cell r="P348" t="str">
            <v>72 航空写真</v>
          </cell>
        </row>
        <row r="349">
          <cell r="N349">
            <v>73</v>
          </cell>
          <cell r="O349" t="str">
            <v>,</v>
          </cell>
          <cell r="P349" t="str">
            <v>73 印刷</v>
          </cell>
        </row>
        <row r="350">
          <cell r="N350">
            <v>74</v>
          </cell>
          <cell r="O350" t="str">
            <v>,</v>
          </cell>
          <cell r="P350" t="str">
            <v>74 フォーム印刷</v>
          </cell>
        </row>
        <row r="351">
          <cell r="N351">
            <v>75</v>
          </cell>
          <cell r="O351" t="str">
            <v>,</v>
          </cell>
          <cell r="P351" t="str">
            <v>75 青写真焼付</v>
          </cell>
        </row>
        <row r="352">
          <cell r="N352">
            <v>76</v>
          </cell>
          <cell r="O352" t="str">
            <v>,</v>
          </cell>
          <cell r="P352" t="str">
            <v>76 特殊印刷</v>
          </cell>
        </row>
        <row r="353">
          <cell r="N353">
            <v>77</v>
          </cell>
          <cell r="O353" t="str">
            <v>,</v>
          </cell>
          <cell r="P353" t="str">
            <v>77 市場・世論調査</v>
          </cell>
        </row>
        <row r="354">
          <cell r="N354">
            <v>78</v>
          </cell>
          <cell r="O354" t="str">
            <v>,</v>
          </cell>
          <cell r="P354" t="str">
            <v>78 臨床検査</v>
          </cell>
        </row>
        <row r="355">
          <cell r="N355">
            <v>79</v>
          </cell>
          <cell r="O355" t="str">
            <v>,</v>
          </cell>
          <cell r="P355" t="str">
            <v>79 管内ＴＶカメラ調査</v>
          </cell>
        </row>
        <row r="356">
          <cell r="N356">
            <v>80</v>
          </cell>
          <cell r="O356" t="str">
            <v>,</v>
          </cell>
          <cell r="P356" t="str">
            <v>80 その他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3"/>
  <sheetViews>
    <sheetView tabSelected="1" workbookViewId="0">
      <selection activeCell="A40" sqref="A40"/>
    </sheetView>
  </sheetViews>
  <sheetFormatPr defaultRowHeight="13.5"/>
  <cols>
    <col min="1" max="1" width="16.125" style="1" bestFit="1" customWidth="1"/>
    <col min="2" max="2" width="9" style="1"/>
    <col min="3" max="3" width="7.625" style="1" customWidth="1"/>
    <col min="4" max="4" width="9" style="1"/>
    <col min="5" max="5" width="8.25" style="1" customWidth="1"/>
    <col min="6" max="16384" width="9" style="1"/>
  </cols>
  <sheetData>
    <row r="1" spans="1:9">
      <c r="A1" s="1" t="s">
        <v>5</v>
      </c>
    </row>
    <row r="2" spans="1:9" ht="21" customHeight="1"/>
    <row r="3" spans="1:9" ht="21" customHeight="1"/>
    <row r="4" spans="1:9" ht="21" customHeight="1"/>
    <row r="5" spans="1:9" ht="21" customHeight="1"/>
    <row r="6" spans="1:9" ht="21" customHeight="1"/>
    <row r="7" spans="1:9" ht="21" customHeight="1">
      <c r="A7" s="6" t="s">
        <v>6</v>
      </c>
      <c r="B7" s="6"/>
      <c r="C7" s="6"/>
      <c r="D7" s="6"/>
      <c r="E7" s="6"/>
      <c r="F7" s="6"/>
      <c r="G7" s="6"/>
      <c r="H7" s="6"/>
      <c r="I7" s="6"/>
    </row>
    <row r="8" spans="1:9" ht="21" customHeight="1">
      <c r="A8" s="2"/>
      <c r="B8" s="2"/>
      <c r="C8" s="2"/>
      <c r="D8" s="2"/>
      <c r="E8" s="2"/>
      <c r="F8" s="2"/>
      <c r="G8" s="2"/>
      <c r="H8" s="2"/>
      <c r="I8" s="2"/>
    </row>
    <row r="9" spans="1:9" ht="21" customHeight="1">
      <c r="A9" s="2"/>
      <c r="B9" s="2"/>
      <c r="C9" s="2"/>
      <c r="D9" s="2"/>
      <c r="E9" s="2"/>
      <c r="F9" s="2"/>
      <c r="G9" s="2"/>
      <c r="H9" s="2"/>
      <c r="I9" s="2"/>
    </row>
    <row r="10" spans="1:9" ht="21" customHeight="1">
      <c r="A10" s="2"/>
      <c r="B10" s="2"/>
      <c r="C10" s="2"/>
      <c r="D10" s="2"/>
      <c r="E10" s="2"/>
      <c r="F10" s="2"/>
      <c r="G10" s="2"/>
      <c r="H10" s="2"/>
      <c r="I10" s="2"/>
    </row>
    <row r="11" spans="1:9" ht="21" customHeight="1">
      <c r="A11" s="7" t="s">
        <v>7</v>
      </c>
      <c r="B11" s="7"/>
      <c r="C11" s="7"/>
      <c r="D11" s="7"/>
      <c r="E11" s="7"/>
      <c r="F11" s="7"/>
      <c r="G11" s="7"/>
      <c r="H11" s="7"/>
      <c r="I11" s="7"/>
    </row>
    <row r="12" spans="1:9" ht="21" customHeight="1">
      <c r="A12" s="2"/>
      <c r="B12" s="2"/>
      <c r="C12" s="2"/>
      <c r="D12" s="2"/>
      <c r="E12" s="2"/>
      <c r="F12" s="2"/>
      <c r="G12" s="2"/>
      <c r="H12" s="2"/>
      <c r="I12" s="2"/>
    </row>
    <row r="13" spans="1:9" ht="21" customHeight="1">
      <c r="A13" s="2"/>
      <c r="B13" s="2"/>
      <c r="C13" s="2"/>
      <c r="D13" s="2"/>
      <c r="E13" s="2"/>
      <c r="F13" s="2"/>
      <c r="G13" s="2"/>
      <c r="H13" s="2"/>
      <c r="I13" s="2"/>
    </row>
    <row r="14" spans="1:9" ht="32.25" customHeight="1">
      <c r="A14" s="8" t="s">
        <v>8</v>
      </c>
      <c r="B14" s="8"/>
      <c r="C14" s="8"/>
      <c r="D14" s="8"/>
      <c r="E14" s="8"/>
      <c r="F14" s="8"/>
      <c r="G14" s="8"/>
      <c r="H14" s="8"/>
      <c r="I14" s="8"/>
    </row>
    <row r="15" spans="1:9" ht="32.25" customHeight="1">
      <c r="A15" s="4"/>
      <c r="B15" s="4"/>
      <c r="C15" s="4"/>
      <c r="D15" s="4"/>
      <c r="E15" s="4"/>
      <c r="F15" s="4"/>
      <c r="G15" s="4"/>
      <c r="H15" s="4"/>
      <c r="I15" s="4"/>
    </row>
    <row r="16" spans="1:9" ht="21" customHeight="1">
      <c r="A16" s="9" t="s">
        <v>9</v>
      </c>
      <c r="B16" s="9"/>
      <c r="C16" s="9"/>
      <c r="D16" s="9"/>
      <c r="E16" s="9"/>
      <c r="F16" s="9"/>
      <c r="G16" s="9"/>
      <c r="H16" s="9"/>
      <c r="I16" s="9"/>
    </row>
    <row r="17" spans="1:9" ht="21" customHeight="1">
      <c r="A17" s="2"/>
      <c r="B17" s="2"/>
      <c r="C17" s="2"/>
      <c r="D17" s="2"/>
      <c r="E17" s="2"/>
      <c r="F17" s="2"/>
      <c r="G17" s="2"/>
      <c r="H17" s="2"/>
      <c r="I17" s="2"/>
    </row>
    <row r="18" spans="1:9" ht="21" customHeight="1">
      <c r="A18" s="2"/>
      <c r="B18" s="2"/>
      <c r="C18" s="2"/>
      <c r="D18" s="2"/>
      <c r="E18" s="2"/>
      <c r="F18" s="2"/>
      <c r="G18" s="2"/>
      <c r="H18" s="2"/>
      <c r="I18" s="2"/>
    </row>
    <row r="19" spans="1:9" ht="21" customHeight="1">
      <c r="G19" s="1" t="s">
        <v>11</v>
      </c>
    </row>
    <row r="20" spans="1:9" ht="21" customHeight="1"/>
    <row r="21" spans="1:9" ht="21" customHeight="1">
      <c r="A21" s="1" t="s">
        <v>3</v>
      </c>
    </row>
    <row r="22" spans="1:9" ht="21" customHeight="1"/>
    <row r="23" spans="1:9" ht="21" customHeight="1">
      <c r="E23" s="1" t="s">
        <v>10</v>
      </c>
    </row>
    <row r="24" spans="1:9" ht="21" customHeight="1">
      <c r="E24" s="1" t="s">
        <v>0</v>
      </c>
    </row>
    <row r="25" spans="1:9" ht="6.95" customHeight="1"/>
    <row r="26" spans="1:9" ht="21" customHeight="1">
      <c r="E26" s="1" t="s">
        <v>1</v>
      </c>
    </row>
    <row r="27" spans="1:9" ht="6.95" customHeight="1"/>
    <row r="28" spans="1:9" ht="21" customHeight="1">
      <c r="E28" s="1" t="s">
        <v>2</v>
      </c>
      <c r="I28" s="3"/>
    </row>
    <row r="29" spans="1:9" ht="6.95" customHeight="1"/>
    <row r="30" spans="1:9" ht="21" customHeight="1">
      <c r="E30" s="1" t="s">
        <v>4</v>
      </c>
    </row>
    <row r="31" spans="1:9" ht="21" customHeight="1"/>
    <row r="32" spans="1:9" ht="21" customHeight="1"/>
    <row r="33" spans="1:1" ht="21" customHeight="1"/>
    <row r="34" spans="1:1" ht="21" customHeight="1"/>
    <row r="35" spans="1:1" ht="6.95" customHeight="1"/>
    <row r="36" spans="1:1" ht="21" customHeight="1"/>
    <row r="37" spans="1:1" ht="6.95" customHeight="1"/>
    <row r="38" spans="1:1" ht="21" customHeight="1"/>
    <row r="39" spans="1:1" ht="6.95" customHeight="1"/>
    <row r="40" spans="1:1" ht="21" customHeight="1">
      <c r="A40" s="5"/>
    </row>
    <row r="41" spans="1:1" ht="6.95" customHeight="1"/>
    <row r="42" spans="1:1" ht="21" customHeight="1"/>
    <row r="43" spans="1:1" ht="30" customHeight="1"/>
  </sheetData>
  <mergeCells count="4">
    <mergeCell ref="A7:I7"/>
    <mergeCell ref="A11:I11"/>
    <mergeCell ref="A14:I14"/>
    <mergeCell ref="A16:I16"/>
  </mergeCells>
  <phoneticPr fontId="3"/>
  <pageMargins left="0.82677165354330717" right="0.82677165354330717" top="0.98425196850393704" bottom="0.62992125984251968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4辞退届</vt:lpstr>
      <vt:lpstr>様式14辞退届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1-04-12T13:44:16Z</cp:lastPrinted>
  <dcterms:created xsi:type="dcterms:W3CDTF">2017-05-29T09:18:17Z</dcterms:created>
  <dcterms:modified xsi:type="dcterms:W3CDTF">2025-10-17T01:07:12Z</dcterms:modified>
</cp:coreProperties>
</file>